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décimales.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faisons défiler la page de création des éléments de données jusqu'en ba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ccéd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